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6" r:id="rId6"/>
    <p:sldId id="257" r:id="rId7"/>
    <p:sldId id="258" r:id="rId8"/>
    <p:sldId id="259" r:id="rId9"/>
    <p:sldId id="260" r:id="rId10"/>
    <p:sldId id="261" r:id="rId11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0"/>
  </p:normalViewPr>
  <p:slideViewPr>
    <p:cSldViewPr snapToGrid="0">
      <p:cViewPr varScale="1">
        <p:scale>
          <a:sx n="71" d="100"/>
          <a:sy n="71" d="100"/>
        </p:scale>
        <p:origin x="67" y="379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tableStyles" Target="tableStyles.xml"/><Relationship Id="rId10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.jp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A5581860-55AF-4757-98B3-A6700C3EF3A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E0484029-EF52-43A9-B083-1246B927080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157538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9EC7E571-835C-46D7-AF6B-9B9F04A9713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784391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B2B171AA-1FE3-485F-9987-24F8FA74D22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841424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632F4993-AF53-4766-9D91-64AFF92EB5A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2003556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EF195E53-CFB1-44A0-94E2-1A97D302768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4326204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6</TotalTime>
  <Words>0</Words>
  <Application>Microsoft Office PowerPoint</Application>
  <PresentationFormat>Widescreen</PresentationFormat>
  <Paragraphs>0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0" baseType="lpstr">
      <vt:lpstr>Arial</vt:lpstr>
      <vt:lpstr>Calibri</vt:lpstr>
      <vt:lpstr>Calibri Light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Payani, Nishnanth</cp:lastModifiedBy>
  <cp:revision>2</cp:revision>
  <dcterms:created xsi:type="dcterms:W3CDTF">2022-08-02T22:46:36Z</dcterms:created>
  <dcterms:modified xsi:type="dcterms:W3CDTF">2022-08-08T07:57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17357556852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